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Dobrý den,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EB6E60">
        <w:rPr>
          <w:rFonts w:ascii="Calibri" w:eastAsia="Times New Roman" w:hAnsi="Calibri" w:cs="Calibri"/>
          <w:lang w:eastAsia="cs-CZ"/>
        </w:rPr>
        <w:t>XXXXXXX</w:t>
      </w:r>
      <w:r w:rsidRPr="00F01D10">
        <w:rPr>
          <w:rFonts w:ascii="Calibri" w:eastAsia="Times New Roman" w:hAnsi="Calibri" w:cs="Calibri"/>
          <w:lang w:eastAsia="cs-CZ"/>
        </w:rPr>
        <w:t>, bude fakturovaná částkou 120.490,- Kč bez DPH a 134.948,80 Kč s DPH 12%.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S pozdravem,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 </w:t>
      </w:r>
    </w:p>
    <w:p w:rsidR="00F01D10" w:rsidRPr="00F01D10" w:rsidRDefault="00EB6E6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</w:t>
      </w:r>
    </w:p>
    <w:p w:rsidR="00F01D10" w:rsidRDefault="00F01D10" w:rsidP="00F01D10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EB6E60" w:rsidRDefault="00EB6E60" w:rsidP="00F01D10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bookmarkStart w:id="0" w:name="_GoBack"/>
      <w:bookmarkEnd w:id="0"/>
    </w:p>
    <w:p w:rsidR="00EB6E60" w:rsidRPr="00F01D10" w:rsidRDefault="00EB6E6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XXXXXXXXXXXXXXXXXX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F01D1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(420) </w:t>
      </w:r>
      <w:r w:rsidR="00EB6E6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F01D1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F01D1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F01D1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bueq0s3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bueq0s3t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01D10" w:rsidRPr="00F01D10" w:rsidRDefault="00F01D10" w:rsidP="00F01D1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F01D10">
        <w:rPr>
          <w:rFonts w:ascii="Calibri" w:eastAsia="Times New Roman" w:hAnsi="Calibri" w:cs="Calibri"/>
          <w:lang w:eastAsia="cs-CZ"/>
        </w:rPr>
        <w:t> </w:t>
      </w:r>
    </w:p>
    <w:p w:rsidR="004A47E3" w:rsidRDefault="004A47E3"/>
    <w:sectPr w:rsidR="004A47E3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01D10"/>
    <w:rsid w:val="004A47E3"/>
    <w:rsid w:val="00EB6E60"/>
    <w:rsid w:val="00F01D1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01D1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01D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01D1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F01D1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F01D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F01D1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18741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1</Pages>
  <Words>60</Words>
  <Characters>35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1-08T06:37:00Z</cp:lastPrinted>
  <dcterms:created xsi:type="dcterms:W3CDTF">2025-01-08T06:44:00Z</dcterms:created>
  <dcterms:modified xsi:type="dcterms:W3CDTF">2025-01-08T06:44:00Z</dcterms:modified>
</cp:coreProperties>
</file>